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8_開成町\"/>
    </mc:Choice>
  </mc:AlternateContent>
  <workbookProtection workbookAlgorithmName="SHA-512" workbookHashValue="MJ4U31gGvk7vdWaOYttgTBAOxDiX7+A0TE89yVR9ZKeocDujhbyMvQH/1PN1h/sZ/SS/Ay9WldZW30eGeFttUw==" workbookSaltValue="E67+VJkNAZ/TMtriTvkPiQ==" workbookSpinCount="100000" lockStructure="1"/>
  <bookViews>
    <workbookView xWindow="-120" yWindow="-120" windowWidth="20736" windowHeight="11160"/>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H85" i="4" s="1"/>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BB10" i="4" s="1"/>
  <c r="W6" i="5"/>
  <c r="V6" i="5"/>
  <c r="AL10" i="4" s="1"/>
  <c r="U6" i="5"/>
  <c r="T6" i="5"/>
  <c r="AT8" i="4" s="1"/>
  <c r="S6" i="5"/>
  <c r="AL8" i="4" s="1"/>
  <c r="R6" i="5"/>
  <c r="AD10" i="4" s="1"/>
  <c r="Q6" i="5"/>
  <c r="P6" i="5"/>
  <c r="O6" i="5"/>
  <c r="I10" i="4" s="1"/>
  <c r="N6" i="5"/>
  <c r="B10" i="4" s="1"/>
  <c r="M6" i="5"/>
  <c r="AD8" i="4" s="1"/>
  <c r="L6" i="5"/>
  <c r="K6" i="5"/>
  <c r="J6" i="5"/>
  <c r="I8" i="4" s="1"/>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I85" i="4"/>
  <c r="G85" i="4"/>
  <c r="AT10" i="4"/>
  <c r="W10" i="4"/>
  <c r="P10" i="4"/>
  <c r="BB8" i="4"/>
  <c r="W8" i="4"/>
  <c r="P8" i="4"/>
</calcChain>
</file>

<file path=xl/sharedStrings.xml><?xml version="1.0" encoding="utf-8"?>
<sst xmlns="http://schemas.openxmlformats.org/spreadsheetml/2006/main" count="320"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開成町</t>
  </si>
  <si>
    <t>法適用</t>
  </si>
  <si>
    <t>下水道事業</t>
  </si>
  <si>
    <t>公共下水道</t>
  </si>
  <si>
    <t>Cb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経常収支比率は106.34％であり100.00％を超えていますが、経費回収率は、100.00％を下回っており、類似団体と比較しても低い値となっています。
　将来的には管渠等の更新など維持管理費等の増大が想定されます。
　将来の維持管理費の増加に対応するため、経費削減を進め、下水道使用料の適正な使用料について下水道運営審議会にて検討を行い、経営の安定化を図る必要があります。</t>
    <rPh sb="79" eb="81">
      <t>ショウライ</t>
    </rPh>
    <rPh sb="84" eb="86">
      <t>カンキョ</t>
    </rPh>
    <rPh sb="92" eb="94">
      <t>イジ</t>
    </rPh>
    <rPh sb="94" eb="96">
      <t>カンリ</t>
    </rPh>
    <rPh sb="96" eb="97">
      <t>ヒ</t>
    </rPh>
    <rPh sb="97" eb="98">
      <t>トウ</t>
    </rPh>
    <rPh sb="99" eb="101">
      <t>ゾウダイ</t>
    </rPh>
    <rPh sb="111" eb="113">
      <t>ショウライ</t>
    </rPh>
    <rPh sb="114" eb="116">
      <t>イジ</t>
    </rPh>
    <rPh sb="116" eb="119">
      <t>カンリヒ</t>
    </rPh>
    <rPh sb="120" eb="122">
      <t>ゾウカ</t>
    </rPh>
    <rPh sb="123" eb="125">
      <t>タイオウ</t>
    </rPh>
    <rPh sb="135" eb="136">
      <t>スス</t>
    </rPh>
    <rPh sb="145" eb="147">
      <t>テキセイ</t>
    </rPh>
    <rPh sb="148" eb="151">
      <t>シヨウリョウ</t>
    </rPh>
    <rPh sb="155" eb="158">
      <t>ゲスイドウ</t>
    </rPh>
    <rPh sb="158" eb="160">
      <t>ウンエイ</t>
    </rPh>
    <rPh sb="160" eb="163">
      <t>シンギカイ</t>
    </rPh>
    <rPh sb="165" eb="167">
      <t>ケントウ</t>
    </rPh>
    <rPh sb="168" eb="169">
      <t>オコナ</t>
    </rPh>
    <rPh sb="171" eb="173">
      <t>ケイエイ</t>
    </rPh>
    <phoneticPr fontId="4"/>
  </si>
  <si>
    <t>　現状では、耐用年数に達する管渠等はなく、管渠等の老朽化に伴う更新は行っておりません。
　しかしながら、将来の維持管理費等の増加を踏まえ、経営戦略等の中長期的な計画を策定し、更なる経費削減を進め、また、下水道使用料の見直しの検討を行うなど経営の安定化を進める必要があります。</t>
    <rPh sb="6" eb="8">
      <t>タイヨウ</t>
    </rPh>
    <rPh sb="8" eb="10">
      <t>ネンスウ</t>
    </rPh>
    <rPh sb="11" eb="12">
      <t>タッ</t>
    </rPh>
    <rPh sb="14" eb="16">
      <t>カンキョ</t>
    </rPh>
    <rPh sb="16" eb="17">
      <t>トウ</t>
    </rPh>
    <rPh sb="21" eb="23">
      <t>カンキョ</t>
    </rPh>
    <rPh sb="23" eb="24">
      <t>トウ</t>
    </rPh>
    <rPh sb="65" eb="66">
      <t>フ</t>
    </rPh>
    <rPh sb="87" eb="88">
      <t>サラ</t>
    </rPh>
    <rPh sb="90" eb="92">
      <t>ケイヒ</t>
    </rPh>
    <rPh sb="92" eb="94">
      <t>サクゲン</t>
    </rPh>
    <rPh sb="95" eb="96">
      <t>スス</t>
    </rPh>
    <phoneticPr fontId="4"/>
  </si>
  <si>
    <t>　管渠については、耐用年数に達していないため、管渠改善率は0.00％となっています。
　有形固定資産減価償却率については3.14％で類似団体と比較しても低い数値であり老朽化の度合いは高くありません。しかしながら、管渠調査を実施するなどして、将来的な管渠の更新を計画的に進めていく必要があります。</t>
    <rPh sb="1" eb="3">
      <t>カンキョ</t>
    </rPh>
    <rPh sb="106" eb="108">
      <t>カンキョ</t>
    </rPh>
    <rPh sb="124" eb="126">
      <t>カンキョ</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E463-4BFA-A260-529F51F124B7}"/>
            </c:ext>
          </c:extLst>
        </c:ser>
        <c:dLbls>
          <c:showLegendKey val="0"/>
          <c:showVal val="0"/>
          <c:showCatName val="0"/>
          <c:showSerName val="0"/>
          <c:showPercent val="0"/>
          <c:showBubbleSize val="0"/>
        </c:dLbls>
        <c:gapWidth val="150"/>
        <c:axId val="401929576"/>
        <c:axId val="401930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c:v>
                </c:pt>
                <c:pt idx="4">
                  <c:v>0.13</c:v>
                </c:pt>
              </c:numCache>
            </c:numRef>
          </c:val>
          <c:smooth val="0"/>
          <c:extLst xmlns:c16r2="http://schemas.microsoft.com/office/drawing/2015/06/chart">
            <c:ext xmlns:c16="http://schemas.microsoft.com/office/drawing/2014/chart" uri="{C3380CC4-5D6E-409C-BE32-E72D297353CC}">
              <c16:uniqueId val="{00000001-E463-4BFA-A260-529F51F124B7}"/>
            </c:ext>
          </c:extLst>
        </c:ser>
        <c:dLbls>
          <c:showLegendKey val="0"/>
          <c:showVal val="0"/>
          <c:showCatName val="0"/>
          <c:showSerName val="0"/>
          <c:showPercent val="0"/>
          <c:showBubbleSize val="0"/>
        </c:dLbls>
        <c:marker val="1"/>
        <c:smooth val="0"/>
        <c:axId val="401929576"/>
        <c:axId val="401930752"/>
      </c:lineChart>
      <c:dateAx>
        <c:axId val="401929576"/>
        <c:scaling>
          <c:orientation val="minMax"/>
        </c:scaling>
        <c:delete val="1"/>
        <c:axPos val="b"/>
        <c:numFmt formatCode="&quot;H&quot;yy" sourceLinked="1"/>
        <c:majorTickMark val="none"/>
        <c:minorTickMark val="none"/>
        <c:tickLblPos val="none"/>
        <c:crossAx val="401930752"/>
        <c:crosses val="autoZero"/>
        <c:auto val="1"/>
        <c:lblOffset val="100"/>
        <c:baseTimeUnit val="years"/>
      </c:dateAx>
      <c:valAx>
        <c:axId val="4019307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1929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B5DB-4343-BC0A-6821CD6F27FA}"/>
            </c:ext>
          </c:extLst>
        </c:ser>
        <c:dLbls>
          <c:showLegendKey val="0"/>
          <c:showVal val="0"/>
          <c:showCatName val="0"/>
          <c:showSerName val="0"/>
          <c:showPercent val="0"/>
          <c:showBubbleSize val="0"/>
        </c:dLbls>
        <c:gapWidth val="150"/>
        <c:axId val="481840040"/>
        <c:axId val="481833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0</c:v>
                </c:pt>
                <c:pt idx="4">
                  <c:v>55.73</c:v>
                </c:pt>
              </c:numCache>
            </c:numRef>
          </c:val>
          <c:smooth val="0"/>
          <c:extLst xmlns:c16r2="http://schemas.microsoft.com/office/drawing/2015/06/chart">
            <c:ext xmlns:c16="http://schemas.microsoft.com/office/drawing/2014/chart" uri="{C3380CC4-5D6E-409C-BE32-E72D297353CC}">
              <c16:uniqueId val="{00000001-B5DB-4343-BC0A-6821CD6F27FA}"/>
            </c:ext>
          </c:extLst>
        </c:ser>
        <c:dLbls>
          <c:showLegendKey val="0"/>
          <c:showVal val="0"/>
          <c:showCatName val="0"/>
          <c:showSerName val="0"/>
          <c:showPercent val="0"/>
          <c:showBubbleSize val="0"/>
        </c:dLbls>
        <c:marker val="1"/>
        <c:smooth val="0"/>
        <c:axId val="481840040"/>
        <c:axId val="481833376"/>
      </c:lineChart>
      <c:dateAx>
        <c:axId val="481840040"/>
        <c:scaling>
          <c:orientation val="minMax"/>
        </c:scaling>
        <c:delete val="1"/>
        <c:axPos val="b"/>
        <c:numFmt formatCode="&quot;H&quot;yy" sourceLinked="1"/>
        <c:majorTickMark val="none"/>
        <c:minorTickMark val="none"/>
        <c:tickLblPos val="none"/>
        <c:crossAx val="481833376"/>
        <c:crosses val="autoZero"/>
        <c:auto val="1"/>
        <c:lblOffset val="100"/>
        <c:baseTimeUnit val="years"/>
      </c:dateAx>
      <c:valAx>
        <c:axId val="4818333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840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0</c:v>
                </c:pt>
                <c:pt idx="2">
                  <c:v>0</c:v>
                </c:pt>
                <c:pt idx="3">
                  <c:v>0</c:v>
                </c:pt>
                <c:pt idx="4">
                  <c:v>96.57</c:v>
                </c:pt>
              </c:numCache>
            </c:numRef>
          </c:val>
          <c:extLst xmlns:c16r2="http://schemas.microsoft.com/office/drawing/2015/06/chart">
            <c:ext xmlns:c16="http://schemas.microsoft.com/office/drawing/2014/chart" uri="{C3380CC4-5D6E-409C-BE32-E72D297353CC}">
              <c16:uniqueId val="{00000000-9FC2-4007-9E60-A6104AC7464C}"/>
            </c:ext>
          </c:extLst>
        </c:ser>
        <c:dLbls>
          <c:showLegendKey val="0"/>
          <c:showVal val="0"/>
          <c:showCatName val="0"/>
          <c:showSerName val="0"/>
          <c:showPercent val="0"/>
          <c:showBubbleSize val="0"/>
        </c:dLbls>
        <c:gapWidth val="150"/>
        <c:axId val="481834160"/>
        <c:axId val="481834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0</c:v>
                </c:pt>
                <c:pt idx="4">
                  <c:v>92.45</c:v>
                </c:pt>
              </c:numCache>
            </c:numRef>
          </c:val>
          <c:smooth val="0"/>
          <c:extLst xmlns:c16r2="http://schemas.microsoft.com/office/drawing/2015/06/chart">
            <c:ext xmlns:c16="http://schemas.microsoft.com/office/drawing/2014/chart" uri="{C3380CC4-5D6E-409C-BE32-E72D297353CC}">
              <c16:uniqueId val="{00000001-9FC2-4007-9E60-A6104AC7464C}"/>
            </c:ext>
          </c:extLst>
        </c:ser>
        <c:dLbls>
          <c:showLegendKey val="0"/>
          <c:showVal val="0"/>
          <c:showCatName val="0"/>
          <c:showSerName val="0"/>
          <c:showPercent val="0"/>
          <c:showBubbleSize val="0"/>
        </c:dLbls>
        <c:marker val="1"/>
        <c:smooth val="0"/>
        <c:axId val="481834160"/>
        <c:axId val="481834552"/>
      </c:lineChart>
      <c:dateAx>
        <c:axId val="481834160"/>
        <c:scaling>
          <c:orientation val="minMax"/>
        </c:scaling>
        <c:delete val="1"/>
        <c:axPos val="b"/>
        <c:numFmt formatCode="&quot;H&quot;yy" sourceLinked="1"/>
        <c:majorTickMark val="none"/>
        <c:minorTickMark val="none"/>
        <c:tickLblPos val="none"/>
        <c:crossAx val="481834552"/>
        <c:crosses val="autoZero"/>
        <c:auto val="1"/>
        <c:lblOffset val="100"/>
        <c:baseTimeUnit val="years"/>
      </c:dateAx>
      <c:valAx>
        <c:axId val="481834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8341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0</c:v>
                </c:pt>
                <c:pt idx="2">
                  <c:v>0</c:v>
                </c:pt>
                <c:pt idx="3">
                  <c:v>0</c:v>
                </c:pt>
                <c:pt idx="4">
                  <c:v>106.34</c:v>
                </c:pt>
              </c:numCache>
            </c:numRef>
          </c:val>
          <c:extLst xmlns:c16r2="http://schemas.microsoft.com/office/drawing/2015/06/chart">
            <c:ext xmlns:c16="http://schemas.microsoft.com/office/drawing/2014/chart" uri="{C3380CC4-5D6E-409C-BE32-E72D297353CC}">
              <c16:uniqueId val="{00000000-4347-4555-A07E-829377A4365A}"/>
            </c:ext>
          </c:extLst>
        </c:ser>
        <c:dLbls>
          <c:showLegendKey val="0"/>
          <c:showVal val="0"/>
          <c:showCatName val="0"/>
          <c:showSerName val="0"/>
          <c:showPercent val="0"/>
          <c:showBubbleSize val="0"/>
        </c:dLbls>
        <c:gapWidth val="150"/>
        <c:axId val="401929968"/>
        <c:axId val="4019358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0</c:v>
                </c:pt>
                <c:pt idx="4">
                  <c:v>101.51</c:v>
                </c:pt>
              </c:numCache>
            </c:numRef>
          </c:val>
          <c:smooth val="0"/>
          <c:extLst xmlns:c16r2="http://schemas.microsoft.com/office/drawing/2015/06/chart">
            <c:ext xmlns:c16="http://schemas.microsoft.com/office/drawing/2014/chart" uri="{C3380CC4-5D6E-409C-BE32-E72D297353CC}">
              <c16:uniqueId val="{00000001-4347-4555-A07E-829377A4365A}"/>
            </c:ext>
          </c:extLst>
        </c:ser>
        <c:dLbls>
          <c:showLegendKey val="0"/>
          <c:showVal val="0"/>
          <c:showCatName val="0"/>
          <c:showSerName val="0"/>
          <c:showPercent val="0"/>
          <c:showBubbleSize val="0"/>
        </c:dLbls>
        <c:marker val="1"/>
        <c:smooth val="0"/>
        <c:axId val="401929968"/>
        <c:axId val="401935848"/>
      </c:lineChart>
      <c:dateAx>
        <c:axId val="401929968"/>
        <c:scaling>
          <c:orientation val="minMax"/>
        </c:scaling>
        <c:delete val="1"/>
        <c:axPos val="b"/>
        <c:numFmt formatCode="&quot;H&quot;yy" sourceLinked="1"/>
        <c:majorTickMark val="none"/>
        <c:minorTickMark val="none"/>
        <c:tickLblPos val="none"/>
        <c:crossAx val="401935848"/>
        <c:crosses val="autoZero"/>
        <c:auto val="1"/>
        <c:lblOffset val="100"/>
        <c:baseTimeUnit val="years"/>
      </c:dateAx>
      <c:valAx>
        <c:axId val="4019358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1929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0</c:v>
                </c:pt>
                <c:pt idx="2">
                  <c:v>0</c:v>
                </c:pt>
                <c:pt idx="3">
                  <c:v>0</c:v>
                </c:pt>
                <c:pt idx="4">
                  <c:v>3.14</c:v>
                </c:pt>
              </c:numCache>
            </c:numRef>
          </c:val>
          <c:extLst xmlns:c16r2="http://schemas.microsoft.com/office/drawing/2015/06/chart">
            <c:ext xmlns:c16="http://schemas.microsoft.com/office/drawing/2014/chart" uri="{C3380CC4-5D6E-409C-BE32-E72D297353CC}">
              <c16:uniqueId val="{00000000-F33E-4B05-BD40-255D5EA79D34}"/>
            </c:ext>
          </c:extLst>
        </c:ser>
        <c:dLbls>
          <c:showLegendKey val="0"/>
          <c:showVal val="0"/>
          <c:showCatName val="0"/>
          <c:showSerName val="0"/>
          <c:showPercent val="0"/>
          <c:showBubbleSize val="0"/>
        </c:dLbls>
        <c:gapWidth val="150"/>
        <c:axId val="401931144"/>
        <c:axId val="401933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0</c:v>
                </c:pt>
                <c:pt idx="4">
                  <c:v>16.37</c:v>
                </c:pt>
              </c:numCache>
            </c:numRef>
          </c:val>
          <c:smooth val="0"/>
          <c:extLst xmlns:c16r2="http://schemas.microsoft.com/office/drawing/2015/06/chart">
            <c:ext xmlns:c16="http://schemas.microsoft.com/office/drawing/2014/chart" uri="{C3380CC4-5D6E-409C-BE32-E72D297353CC}">
              <c16:uniqueId val="{00000001-F33E-4B05-BD40-255D5EA79D34}"/>
            </c:ext>
          </c:extLst>
        </c:ser>
        <c:dLbls>
          <c:showLegendKey val="0"/>
          <c:showVal val="0"/>
          <c:showCatName val="0"/>
          <c:showSerName val="0"/>
          <c:showPercent val="0"/>
          <c:showBubbleSize val="0"/>
        </c:dLbls>
        <c:marker val="1"/>
        <c:smooth val="0"/>
        <c:axId val="401931144"/>
        <c:axId val="401933496"/>
      </c:lineChart>
      <c:dateAx>
        <c:axId val="401931144"/>
        <c:scaling>
          <c:orientation val="minMax"/>
        </c:scaling>
        <c:delete val="1"/>
        <c:axPos val="b"/>
        <c:numFmt formatCode="&quot;H&quot;yy" sourceLinked="1"/>
        <c:majorTickMark val="none"/>
        <c:minorTickMark val="none"/>
        <c:tickLblPos val="none"/>
        <c:crossAx val="401933496"/>
        <c:crosses val="autoZero"/>
        <c:auto val="1"/>
        <c:lblOffset val="100"/>
        <c:baseTimeUnit val="years"/>
      </c:dateAx>
      <c:valAx>
        <c:axId val="401933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1931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E38E-4945-A1C9-F4E33E94AC54}"/>
            </c:ext>
          </c:extLst>
        </c:ser>
        <c:dLbls>
          <c:showLegendKey val="0"/>
          <c:showVal val="0"/>
          <c:showCatName val="0"/>
          <c:showSerName val="0"/>
          <c:showPercent val="0"/>
          <c:showBubbleSize val="0"/>
        </c:dLbls>
        <c:gapWidth val="150"/>
        <c:axId val="481916360"/>
        <c:axId val="481912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98</c:v>
                </c:pt>
              </c:numCache>
            </c:numRef>
          </c:val>
          <c:smooth val="0"/>
          <c:extLst xmlns:c16r2="http://schemas.microsoft.com/office/drawing/2015/06/chart">
            <c:ext xmlns:c16="http://schemas.microsoft.com/office/drawing/2014/chart" uri="{C3380CC4-5D6E-409C-BE32-E72D297353CC}">
              <c16:uniqueId val="{00000001-E38E-4945-A1C9-F4E33E94AC54}"/>
            </c:ext>
          </c:extLst>
        </c:ser>
        <c:dLbls>
          <c:showLegendKey val="0"/>
          <c:showVal val="0"/>
          <c:showCatName val="0"/>
          <c:showSerName val="0"/>
          <c:showPercent val="0"/>
          <c:showBubbleSize val="0"/>
        </c:dLbls>
        <c:marker val="1"/>
        <c:smooth val="0"/>
        <c:axId val="481916360"/>
        <c:axId val="481912832"/>
      </c:lineChart>
      <c:dateAx>
        <c:axId val="481916360"/>
        <c:scaling>
          <c:orientation val="minMax"/>
        </c:scaling>
        <c:delete val="1"/>
        <c:axPos val="b"/>
        <c:numFmt formatCode="&quot;H&quot;yy" sourceLinked="1"/>
        <c:majorTickMark val="none"/>
        <c:minorTickMark val="none"/>
        <c:tickLblPos val="none"/>
        <c:crossAx val="481912832"/>
        <c:crosses val="autoZero"/>
        <c:auto val="1"/>
        <c:lblOffset val="100"/>
        <c:baseTimeUnit val="years"/>
      </c:dateAx>
      <c:valAx>
        <c:axId val="481912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916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6B72-4BF7-81DB-59F58CC3FFD4}"/>
            </c:ext>
          </c:extLst>
        </c:ser>
        <c:dLbls>
          <c:showLegendKey val="0"/>
          <c:showVal val="0"/>
          <c:showCatName val="0"/>
          <c:showSerName val="0"/>
          <c:showPercent val="0"/>
          <c:showBubbleSize val="0"/>
        </c:dLbls>
        <c:gapWidth val="150"/>
        <c:axId val="481909696"/>
        <c:axId val="4819112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0</c:v>
                </c:pt>
                <c:pt idx="4">
                  <c:v>37.86</c:v>
                </c:pt>
              </c:numCache>
            </c:numRef>
          </c:val>
          <c:smooth val="0"/>
          <c:extLst xmlns:c16r2="http://schemas.microsoft.com/office/drawing/2015/06/chart">
            <c:ext xmlns:c16="http://schemas.microsoft.com/office/drawing/2014/chart" uri="{C3380CC4-5D6E-409C-BE32-E72D297353CC}">
              <c16:uniqueId val="{00000001-6B72-4BF7-81DB-59F58CC3FFD4}"/>
            </c:ext>
          </c:extLst>
        </c:ser>
        <c:dLbls>
          <c:showLegendKey val="0"/>
          <c:showVal val="0"/>
          <c:showCatName val="0"/>
          <c:showSerName val="0"/>
          <c:showPercent val="0"/>
          <c:showBubbleSize val="0"/>
        </c:dLbls>
        <c:marker val="1"/>
        <c:smooth val="0"/>
        <c:axId val="481909696"/>
        <c:axId val="481911264"/>
      </c:lineChart>
      <c:dateAx>
        <c:axId val="481909696"/>
        <c:scaling>
          <c:orientation val="minMax"/>
        </c:scaling>
        <c:delete val="1"/>
        <c:axPos val="b"/>
        <c:numFmt formatCode="&quot;H&quot;yy" sourceLinked="1"/>
        <c:majorTickMark val="none"/>
        <c:minorTickMark val="none"/>
        <c:tickLblPos val="none"/>
        <c:crossAx val="481911264"/>
        <c:crosses val="autoZero"/>
        <c:auto val="1"/>
        <c:lblOffset val="100"/>
        <c:baseTimeUnit val="years"/>
      </c:dateAx>
      <c:valAx>
        <c:axId val="481911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909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0</c:v>
                </c:pt>
                <c:pt idx="2">
                  <c:v>0</c:v>
                </c:pt>
                <c:pt idx="3">
                  <c:v>0</c:v>
                </c:pt>
                <c:pt idx="4">
                  <c:v>29.55</c:v>
                </c:pt>
              </c:numCache>
            </c:numRef>
          </c:val>
          <c:extLst xmlns:c16r2="http://schemas.microsoft.com/office/drawing/2015/06/chart">
            <c:ext xmlns:c16="http://schemas.microsoft.com/office/drawing/2014/chart" uri="{C3380CC4-5D6E-409C-BE32-E72D297353CC}">
              <c16:uniqueId val="{00000000-3B3F-49AB-B2D6-0C1F83A5BBB7}"/>
            </c:ext>
          </c:extLst>
        </c:ser>
        <c:dLbls>
          <c:showLegendKey val="0"/>
          <c:showVal val="0"/>
          <c:showCatName val="0"/>
          <c:showSerName val="0"/>
          <c:showPercent val="0"/>
          <c:showBubbleSize val="0"/>
        </c:dLbls>
        <c:gapWidth val="150"/>
        <c:axId val="481911656"/>
        <c:axId val="481914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0</c:v>
                </c:pt>
                <c:pt idx="4">
                  <c:v>60.16</c:v>
                </c:pt>
              </c:numCache>
            </c:numRef>
          </c:val>
          <c:smooth val="0"/>
          <c:extLst xmlns:c16r2="http://schemas.microsoft.com/office/drawing/2015/06/chart">
            <c:ext xmlns:c16="http://schemas.microsoft.com/office/drawing/2014/chart" uri="{C3380CC4-5D6E-409C-BE32-E72D297353CC}">
              <c16:uniqueId val="{00000001-3B3F-49AB-B2D6-0C1F83A5BBB7}"/>
            </c:ext>
          </c:extLst>
        </c:ser>
        <c:dLbls>
          <c:showLegendKey val="0"/>
          <c:showVal val="0"/>
          <c:showCatName val="0"/>
          <c:showSerName val="0"/>
          <c:showPercent val="0"/>
          <c:showBubbleSize val="0"/>
        </c:dLbls>
        <c:marker val="1"/>
        <c:smooth val="0"/>
        <c:axId val="481911656"/>
        <c:axId val="481914400"/>
      </c:lineChart>
      <c:dateAx>
        <c:axId val="481911656"/>
        <c:scaling>
          <c:orientation val="minMax"/>
        </c:scaling>
        <c:delete val="1"/>
        <c:axPos val="b"/>
        <c:numFmt formatCode="&quot;H&quot;yy" sourceLinked="1"/>
        <c:majorTickMark val="none"/>
        <c:minorTickMark val="none"/>
        <c:tickLblPos val="none"/>
        <c:crossAx val="481914400"/>
        <c:crosses val="autoZero"/>
        <c:auto val="1"/>
        <c:lblOffset val="100"/>
        <c:baseTimeUnit val="years"/>
      </c:dateAx>
      <c:valAx>
        <c:axId val="4819144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9116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0</c:v>
                </c:pt>
                <c:pt idx="2">
                  <c:v>0</c:v>
                </c:pt>
                <c:pt idx="3">
                  <c:v>0</c:v>
                </c:pt>
                <c:pt idx="4">
                  <c:v>942.19</c:v>
                </c:pt>
              </c:numCache>
            </c:numRef>
          </c:val>
          <c:extLst xmlns:c16r2="http://schemas.microsoft.com/office/drawing/2015/06/chart">
            <c:ext xmlns:c16="http://schemas.microsoft.com/office/drawing/2014/chart" uri="{C3380CC4-5D6E-409C-BE32-E72D297353CC}">
              <c16:uniqueId val="{00000000-5C0A-49FB-8578-99DE7153BBA5}"/>
            </c:ext>
          </c:extLst>
        </c:ser>
        <c:dLbls>
          <c:showLegendKey val="0"/>
          <c:showVal val="0"/>
          <c:showCatName val="0"/>
          <c:showSerName val="0"/>
          <c:showPercent val="0"/>
          <c:showBubbleSize val="0"/>
        </c:dLbls>
        <c:gapWidth val="150"/>
        <c:axId val="481912048"/>
        <c:axId val="481915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0</c:v>
                </c:pt>
                <c:pt idx="4">
                  <c:v>917.44</c:v>
                </c:pt>
              </c:numCache>
            </c:numRef>
          </c:val>
          <c:smooth val="0"/>
          <c:extLst xmlns:c16r2="http://schemas.microsoft.com/office/drawing/2015/06/chart">
            <c:ext xmlns:c16="http://schemas.microsoft.com/office/drawing/2014/chart" uri="{C3380CC4-5D6E-409C-BE32-E72D297353CC}">
              <c16:uniqueId val="{00000001-5C0A-49FB-8578-99DE7153BBA5}"/>
            </c:ext>
          </c:extLst>
        </c:ser>
        <c:dLbls>
          <c:showLegendKey val="0"/>
          <c:showVal val="0"/>
          <c:showCatName val="0"/>
          <c:showSerName val="0"/>
          <c:showPercent val="0"/>
          <c:showBubbleSize val="0"/>
        </c:dLbls>
        <c:marker val="1"/>
        <c:smooth val="0"/>
        <c:axId val="481912048"/>
        <c:axId val="481915184"/>
      </c:lineChart>
      <c:dateAx>
        <c:axId val="481912048"/>
        <c:scaling>
          <c:orientation val="minMax"/>
        </c:scaling>
        <c:delete val="1"/>
        <c:axPos val="b"/>
        <c:numFmt formatCode="&quot;H&quot;yy" sourceLinked="1"/>
        <c:majorTickMark val="none"/>
        <c:minorTickMark val="none"/>
        <c:tickLblPos val="none"/>
        <c:crossAx val="481915184"/>
        <c:crosses val="autoZero"/>
        <c:auto val="1"/>
        <c:lblOffset val="100"/>
        <c:baseTimeUnit val="years"/>
      </c:dateAx>
      <c:valAx>
        <c:axId val="4819151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912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0</c:v>
                </c:pt>
                <c:pt idx="2">
                  <c:v>0</c:v>
                </c:pt>
                <c:pt idx="3">
                  <c:v>0</c:v>
                </c:pt>
                <c:pt idx="4">
                  <c:v>73.87</c:v>
                </c:pt>
              </c:numCache>
            </c:numRef>
          </c:val>
          <c:extLst xmlns:c16r2="http://schemas.microsoft.com/office/drawing/2015/06/chart">
            <c:ext xmlns:c16="http://schemas.microsoft.com/office/drawing/2014/chart" uri="{C3380CC4-5D6E-409C-BE32-E72D297353CC}">
              <c16:uniqueId val="{00000000-2B16-493F-B0B9-BF57FAFE18FD}"/>
            </c:ext>
          </c:extLst>
        </c:ser>
        <c:dLbls>
          <c:showLegendKey val="0"/>
          <c:showVal val="0"/>
          <c:showCatName val="0"/>
          <c:showSerName val="0"/>
          <c:showPercent val="0"/>
          <c:showBubbleSize val="0"/>
        </c:dLbls>
        <c:gapWidth val="150"/>
        <c:axId val="481913616"/>
        <c:axId val="481915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0</c:v>
                </c:pt>
                <c:pt idx="4">
                  <c:v>85.34</c:v>
                </c:pt>
              </c:numCache>
            </c:numRef>
          </c:val>
          <c:smooth val="0"/>
          <c:extLst xmlns:c16r2="http://schemas.microsoft.com/office/drawing/2015/06/chart">
            <c:ext xmlns:c16="http://schemas.microsoft.com/office/drawing/2014/chart" uri="{C3380CC4-5D6E-409C-BE32-E72D297353CC}">
              <c16:uniqueId val="{00000001-2B16-493F-B0B9-BF57FAFE18FD}"/>
            </c:ext>
          </c:extLst>
        </c:ser>
        <c:dLbls>
          <c:showLegendKey val="0"/>
          <c:showVal val="0"/>
          <c:showCatName val="0"/>
          <c:showSerName val="0"/>
          <c:showPercent val="0"/>
          <c:showBubbleSize val="0"/>
        </c:dLbls>
        <c:marker val="1"/>
        <c:smooth val="0"/>
        <c:axId val="481913616"/>
        <c:axId val="481915968"/>
      </c:lineChart>
      <c:dateAx>
        <c:axId val="481913616"/>
        <c:scaling>
          <c:orientation val="minMax"/>
        </c:scaling>
        <c:delete val="1"/>
        <c:axPos val="b"/>
        <c:numFmt formatCode="&quot;H&quot;yy" sourceLinked="1"/>
        <c:majorTickMark val="none"/>
        <c:minorTickMark val="none"/>
        <c:tickLblPos val="none"/>
        <c:crossAx val="481915968"/>
        <c:crosses val="autoZero"/>
        <c:auto val="1"/>
        <c:lblOffset val="100"/>
        <c:baseTimeUnit val="years"/>
      </c:dateAx>
      <c:valAx>
        <c:axId val="481915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9136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0</c:v>
                </c:pt>
                <c:pt idx="2">
                  <c:v>0</c:v>
                </c:pt>
                <c:pt idx="3">
                  <c:v>0</c:v>
                </c:pt>
                <c:pt idx="4">
                  <c:v>150</c:v>
                </c:pt>
              </c:numCache>
            </c:numRef>
          </c:val>
          <c:extLst xmlns:c16r2="http://schemas.microsoft.com/office/drawing/2015/06/chart">
            <c:ext xmlns:c16="http://schemas.microsoft.com/office/drawing/2014/chart" uri="{C3380CC4-5D6E-409C-BE32-E72D297353CC}">
              <c16:uniqueId val="{00000000-0278-40AD-8CE8-37F29088B0DD}"/>
            </c:ext>
          </c:extLst>
        </c:ser>
        <c:dLbls>
          <c:showLegendKey val="0"/>
          <c:showVal val="0"/>
          <c:showCatName val="0"/>
          <c:showSerName val="0"/>
          <c:showPercent val="0"/>
          <c:showBubbleSize val="0"/>
        </c:dLbls>
        <c:gapWidth val="150"/>
        <c:axId val="481839256"/>
        <c:axId val="481832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0</c:v>
                </c:pt>
                <c:pt idx="4">
                  <c:v>149.27000000000001</c:v>
                </c:pt>
              </c:numCache>
            </c:numRef>
          </c:val>
          <c:smooth val="0"/>
          <c:extLst xmlns:c16r2="http://schemas.microsoft.com/office/drawing/2015/06/chart">
            <c:ext xmlns:c16="http://schemas.microsoft.com/office/drawing/2014/chart" uri="{C3380CC4-5D6E-409C-BE32-E72D297353CC}">
              <c16:uniqueId val="{00000001-0278-40AD-8CE8-37F29088B0DD}"/>
            </c:ext>
          </c:extLst>
        </c:ser>
        <c:dLbls>
          <c:showLegendKey val="0"/>
          <c:showVal val="0"/>
          <c:showCatName val="0"/>
          <c:showSerName val="0"/>
          <c:showPercent val="0"/>
          <c:showBubbleSize val="0"/>
        </c:dLbls>
        <c:marker val="1"/>
        <c:smooth val="0"/>
        <c:axId val="481839256"/>
        <c:axId val="481832984"/>
      </c:lineChart>
      <c:dateAx>
        <c:axId val="481839256"/>
        <c:scaling>
          <c:orientation val="minMax"/>
        </c:scaling>
        <c:delete val="1"/>
        <c:axPos val="b"/>
        <c:numFmt formatCode="&quot;H&quot;yy" sourceLinked="1"/>
        <c:majorTickMark val="none"/>
        <c:minorTickMark val="none"/>
        <c:tickLblPos val="none"/>
        <c:crossAx val="481832984"/>
        <c:crosses val="autoZero"/>
        <c:auto val="1"/>
        <c:lblOffset val="100"/>
        <c:baseTimeUnit val="years"/>
      </c:dateAx>
      <c:valAx>
        <c:axId val="4818329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839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開成町</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Cb1</v>
      </c>
      <c r="X8" s="49"/>
      <c r="Y8" s="49"/>
      <c r="Z8" s="49"/>
      <c r="AA8" s="49"/>
      <c r="AB8" s="49"/>
      <c r="AC8" s="49"/>
      <c r="AD8" s="50" t="str">
        <f>データ!$M$6</f>
        <v>非設置</v>
      </c>
      <c r="AE8" s="50"/>
      <c r="AF8" s="50"/>
      <c r="AG8" s="50"/>
      <c r="AH8" s="50"/>
      <c r="AI8" s="50"/>
      <c r="AJ8" s="50"/>
      <c r="AK8" s="3"/>
      <c r="AL8" s="51">
        <f>データ!S6</f>
        <v>18005</v>
      </c>
      <c r="AM8" s="51"/>
      <c r="AN8" s="51"/>
      <c r="AO8" s="51"/>
      <c r="AP8" s="51"/>
      <c r="AQ8" s="51"/>
      <c r="AR8" s="51"/>
      <c r="AS8" s="51"/>
      <c r="AT8" s="46">
        <f>データ!T6</f>
        <v>6.55</v>
      </c>
      <c r="AU8" s="46"/>
      <c r="AV8" s="46"/>
      <c r="AW8" s="46"/>
      <c r="AX8" s="46"/>
      <c r="AY8" s="46"/>
      <c r="AZ8" s="46"/>
      <c r="BA8" s="46"/>
      <c r="BB8" s="46">
        <f>データ!U6</f>
        <v>2748.85</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67.95</v>
      </c>
      <c r="J10" s="46"/>
      <c r="K10" s="46"/>
      <c r="L10" s="46"/>
      <c r="M10" s="46"/>
      <c r="N10" s="46"/>
      <c r="O10" s="46"/>
      <c r="P10" s="46">
        <f>データ!P6</f>
        <v>73.47</v>
      </c>
      <c r="Q10" s="46"/>
      <c r="R10" s="46"/>
      <c r="S10" s="46"/>
      <c r="T10" s="46"/>
      <c r="U10" s="46"/>
      <c r="V10" s="46"/>
      <c r="W10" s="46">
        <f>データ!Q6</f>
        <v>82.25</v>
      </c>
      <c r="X10" s="46"/>
      <c r="Y10" s="46"/>
      <c r="Z10" s="46"/>
      <c r="AA10" s="46"/>
      <c r="AB10" s="46"/>
      <c r="AC10" s="46"/>
      <c r="AD10" s="51">
        <f>データ!R6</f>
        <v>1654</v>
      </c>
      <c r="AE10" s="51"/>
      <c r="AF10" s="51"/>
      <c r="AG10" s="51"/>
      <c r="AH10" s="51"/>
      <c r="AI10" s="51"/>
      <c r="AJ10" s="51"/>
      <c r="AK10" s="2"/>
      <c r="AL10" s="51">
        <f>データ!V6</f>
        <v>13270</v>
      </c>
      <c r="AM10" s="51"/>
      <c r="AN10" s="51"/>
      <c r="AO10" s="51"/>
      <c r="AP10" s="51"/>
      <c r="AQ10" s="51"/>
      <c r="AR10" s="51"/>
      <c r="AS10" s="51"/>
      <c r="AT10" s="46">
        <f>データ!W6</f>
        <v>2.52</v>
      </c>
      <c r="AU10" s="46"/>
      <c r="AV10" s="46"/>
      <c r="AW10" s="46"/>
      <c r="AX10" s="46"/>
      <c r="AY10" s="46"/>
      <c r="AZ10" s="46"/>
      <c r="BA10" s="46"/>
      <c r="BB10" s="46">
        <f>データ!X6</f>
        <v>5265.87</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3</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5</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8"/>
      <c r="BM60" s="79"/>
      <c r="BN60" s="79"/>
      <c r="BO60" s="79"/>
      <c r="BP60" s="79"/>
      <c r="BQ60" s="79"/>
      <c r="BR60" s="79"/>
      <c r="BS60" s="79"/>
      <c r="BT60" s="79"/>
      <c r="BU60" s="79"/>
      <c r="BV60" s="79"/>
      <c r="BW60" s="79"/>
      <c r="BX60" s="79"/>
      <c r="BY60" s="79"/>
      <c r="BZ60" s="80"/>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4</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k1rIs11zN2Bgxoq+ZF062qK62keklGttdMHNIxVsL4HS+oZNZAAIsQrvmdoPWfztjUqn50cqzxv21LB6Grb+pA==" saltValue="Xed/NttBK/jqqmKSdNclOw=="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28</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4</v>
      </c>
      <c r="B4" s="30"/>
      <c r="C4" s="30"/>
      <c r="D4" s="30"/>
      <c r="E4" s="30"/>
      <c r="F4" s="30"/>
      <c r="G4" s="30"/>
      <c r="H4" s="74"/>
      <c r="I4" s="75"/>
      <c r="J4" s="75"/>
      <c r="K4" s="75"/>
      <c r="L4" s="75"/>
      <c r="M4" s="75"/>
      <c r="N4" s="75"/>
      <c r="O4" s="75"/>
      <c r="P4" s="75"/>
      <c r="Q4" s="75"/>
      <c r="R4" s="75"/>
      <c r="S4" s="75"/>
      <c r="T4" s="75"/>
      <c r="U4" s="75"/>
      <c r="V4" s="75"/>
      <c r="W4" s="75"/>
      <c r="X4" s="76"/>
      <c r="Y4" s="70" t="s">
        <v>55</v>
      </c>
      <c r="Z4" s="70"/>
      <c r="AA4" s="70"/>
      <c r="AB4" s="70"/>
      <c r="AC4" s="70"/>
      <c r="AD4" s="70"/>
      <c r="AE4" s="70"/>
      <c r="AF4" s="70"/>
      <c r="AG4" s="70"/>
      <c r="AH4" s="70"/>
      <c r="AI4" s="70"/>
      <c r="AJ4" s="70" t="s">
        <v>56</v>
      </c>
      <c r="AK4" s="70"/>
      <c r="AL4" s="70"/>
      <c r="AM4" s="70"/>
      <c r="AN4" s="70"/>
      <c r="AO4" s="70"/>
      <c r="AP4" s="70"/>
      <c r="AQ4" s="70"/>
      <c r="AR4" s="70"/>
      <c r="AS4" s="70"/>
      <c r="AT4" s="70"/>
      <c r="AU4" s="70" t="s">
        <v>57</v>
      </c>
      <c r="AV4" s="70"/>
      <c r="AW4" s="70"/>
      <c r="AX4" s="70"/>
      <c r="AY4" s="70"/>
      <c r="AZ4" s="70"/>
      <c r="BA4" s="70"/>
      <c r="BB4" s="70"/>
      <c r="BC4" s="70"/>
      <c r="BD4" s="70"/>
      <c r="BE4" s="70"/>
      <c r="BF4" s="70" t="s">
        <v>58</v>
      </c>
      <c r="BG4" s="70"/>
      <c r="BH4" s="70"/>
      <c r="BI4" s="70"/>
      <c r="BJ4" s="70"/>
      <c r="BK4" s="70"/>
      <c r="BL4" s="70"/>
      <c r="BM4" s="70"/>
      <c r="BN4" s="70"/>
      <c r="BO4" s="70"/>
      <c r="BP4" s="70"/>
      <c r="BQ4" s="70" t="s">
        <v>59</v>
      </c>
      <c r="BR4" s="70"/>
      <c r="BS4" s="70"/>
      <c r="BT4" s="70"/>
      <c r="BU4" s="70"/>
      <c r="BV4" s="70"/>
      <c r="BW4" s="70"/>
      <c r="BX4" s="70"/>
      <c r="BY4" s="70"/>
      <c r="BZ4" s="70"/>
      <c r="CA4" s="70"/>
      <c r="CB4" s="70" t="s">
        <v>60</v>
      </c>
      <c r="CC4" s="70"/>
      <c r="CD4" s="70"/>
      <c r="CE4" s="70"/>
      <c r="CF4" s="70"/>
      <c r="CG4" s="70"/>
      <c r="CH4" s="70"/>
      <c r="CI4" s="70"/>
      <c r="CJ4" s="70"/>
      <c r="CK4" s="70"/>
      <c r="CL4" s="70"/>
      <c r="CM4" s="70" t="s">
        <v>61</v>
      </c>
      <c r="CN4" s="70"/>
      <c r="CO4" s="70"/>
      <c r="CP4" s="70"/>
      <c r="CQ4" s="70"/>
      <c r="CR4" s="70"/>
      <c r="CS4" s="70"/>
      <c r="CT4" s="70"/>
      <c r="CU4" s="70"/>
      <c r="CV4" s="70"/>
      <c r="CW4" s="70"/>
      <c r="CX4" s="70" t="s">
        <v>62</v>
      </c>
      <c r="CY4" s="70"/>
      <c r="CZ4" s="70"/>
      <c r="DA4" s="70"/>
      <c r="DB4" s="70"/>
      <c r="DC4" s="70"/>
      <c r="DD4" s="70"/>
      <c r="DE4" s="70"/>
      <c r="DF4" s="70"/>
      <c r="DG4" s="70"/>
      <c r="DH4" s="70"/>
      <c r="DI4" s="70" t="s">
        <v>63</v>
      </c>
      <c r="DJ4" s="70"/>
      <c r="DK4" s="70"/>
      <c r="DL4" s="70"/>
      <c r="DM4" s="70"/>
      <c r="DN4" s="70"/>
      <c r="DO4" s="70"/>
      <c r="DP4" s="70"/>
      <c r="DQ4" s="70"/>
      <c r="DR4" s="70"/>
      <c r="DS4" s="70"/>
      <c r="DT4" s="70" t="s">
        <v>64</v>
      </c>
      <c r="DU4" s="70"/>
      <c r="DV4" s="70"/>
      <c r="DW4" s="70"/>
      <c r="DX4" s="70"/>
      <c r="DY4" s="70"/>
      <c r="DZ4" s="70"/>
      <c r="EA4" s="70"/>
      <c r="EB4" s="70"/>
      <c r="EC4" s="70"/>
      <c r="ED4" s="70"/>
      <c r="EE4" s="70" t="s">
        <v>65</v>
      </c>
      <c r="EF4" s="70"/>
      <c r="EG4" s="70"/>
      <c r="EH4" s="70"/>
      <c r="EI4" s="70"/>
      <c r="EJ4" s="70"/>
      <c r="EK4" s="70"/>
      <c r="EL4" s="70"/>
      <c r="EM4" s="70"/>
      <c r="EN4" s="70"/>
      <c r="EO4" s="70"/>
    </row>
    <row r="5" spans="1:148" x14ac:dyDescent="0.2">
      <c r="A5" s="28" t="s">
        <v>66</v>
      </c>
      <c r="B5" s="31"/>
      <c r="C5" s="31"/>
      <c r="D5" s="31"/>
      <c r="E5" s="31"/>
      <c r="F5" s="31"/>
      <c r="G5" s="31"/>
      <c r="H5" s="32" t="s">
        <v>67</v>
      </c>
      <c r="I5" s="32" t="s">
        <v>68</v>
      </c>
      <c r="J5" s="32" t="s">
        <v>69</v>
      </c>
      <c r="K5" s="32" t="s">
        <v>70</v>
      </c>
      <c r="L5" s="32" t="s">
        <v>71</v>
      </c>
      <c r="M5" s="32" t="s">
        <v>5</v>
      </c>
      <c r="N5" s="32" t="s">
        <v>72</v>
      </c>
      <c r="O5" s="32" t="s">
        <v>73</v>
      </c>
      <c r="P5" s="32" t="s">
        <v>74</v>
      </c>
      <c r="Q5" s="32" t="s">
        <v>75</v>
      </c>
      <c r="R5" s="32" t="s">
        <v>76</v>
      </c>
      <c r="S5" s="32" t="s">
        <v>77</v>
      </c>
      <c r="T5" s="32" t="s">
        <v>78</v>
      </c>
      <c r="U5" s="32" t="s">
        <v>79</v>
      </c>
      <c r="V5" s="32" t="s">
        <v>80</v>
      </c>
      <c r="W5" s="32" t="s">
        <v>81</v>
      </c>
      <c r="X5" s="32" t="s">
        <v>82</v>
      </c>
      <c r="Y5" s="32" t="s">
        <v>83</v>
      </c>
      <c r="Z5" s="32" t="s">
        <v>84</v>
      </c>
      <c r="AA5" s="32" t="s">
        <v>85</v>
      </c>
      <c r="AB5" s="32" t="s">
        <v>86</v>
      </c>
      <c r="AC5" s="32" t="s">
        <v>87</v>
      </c>
      <c r="AD5" s="32" t="s">
        <v>88</v>
      </c>
      <c r="AE5" s="32" t="s">
        <v>89</v>
      </c>
      <c r="AF5" s="32" t="s">
        <v>90</v>
      </c>
      <c r="AG5" s="32" t="s">
        <v>91</v>
      </c>
      <c r="AH5" s="32" t="s">
        <v>92</v>
      </c>
      <c r="AI5" s="32" t="s">
        <v>31</v>
      </c>
      <c r="AJ5" s="32" t="s">
        <v>83</v>
      </c>
      <c r="AK5" s="32" t="s">
        <v>84</v>
      </c>
      <c r="AL5" s="32" t="s">
        <v>85</v>
      </c>
      <c r="AM5" s="32" t="s">
        <v>86</v>
      </c>
      <c r="AN5" s="32" t="s">
        <v>87</v>
      </c>
      <c r="AO5" s="32" t="s">
        <v>88</v>
      </c>
      <c r="AP5" s="32" t="s">
        <v>89</v>
      </c>
      <c r="AQ5" s="32" t="s">
        <v>90</v>
      </c>
      <c r="AR5" s="32" t="s">
        <v>91</v>
      </c>
      <c r="AS5" s="32" t="s">
        <v>92</v>
      </c>
      <c r="AT5" s="32" t="s">
        <v>93</v>
      </c>
      <c r="AU5" s="32" t="s">
        <v>83</v>
      </c>
      <c r="AV5" s="32" t="s">
        <v>84</v>
      </c>
      <c r="AW5" s="32" t="s">
        <v>85</v>
      </c>
      <c r="AX5" s="32" t="s">
        <v>86</v>
      </c>
      <c r="AY5" s="32" t="s">
        <v>87</v>
      </c>
      <c r="AZ5" s="32" t="s">
        <v>88</v>
      </c>
      <c r="BA5" s="32" t="s">
        <v>89</v>
      </c>
      <c r="BB5" s="32" t="s">
        <v>90</v>
      </c>
      <c r="BC5" s="32" t="s">
        <v>91</v>
      </c>
      <c r="BD5" s="32" t="s">
        <v>92</v>
      </c>
      <c r="BE5" s="32" t="s">
        <v>93</v>
      </c>
      <c r="BF5" s="32" t="s">
        <v>83</v>
      </c>
      <c r="BG5" s="32" t="s">
        <v>84</v>
      </c>
      <c r="BH5" s="32" t="s">
        <v>85</v>
      </c>
      <c r="BI5" s="32" t="s">
        <v>86</v>
      </c>
      <c r="BJ5" s="32" t="s">
        <v>87</v>
      </c>
      <c r="BK5" s="32" t="s">
        <v>88</v>
      </c>
      <c r="BL5" s="32" t="s">
        <v>89</v>
      </c>
      <c r="BM5" s="32" t="s">
        <v>90</v>
      </c>
      <c r="BN5" s="32" t="s">
        <v>91</v>
      </c>
      <c r="BO5" s="32" t="s">
        <v>92</v>
      </c>
      <c r="BP5" s="32" t="s">
        <v>93</v>
      </c>
      <c r="BQ5" s="32" t="s">
        <v>83</v>
      </c>
      <c r="BR5" s="32" t="s">
        <v>84</v>
      </c>
      <c r="BS5" s="32" t="s">
        <v>85</v>
      </c>
      <c r="BT5" s="32" t="s">
        <v>86</v>
      </c>
      <c r="BU5" s="32" t="s">
        <v>87</v>
      </c>
      <c r="BV5" s="32" t="s">
        <v>88</v>
      </c>
      <c r="BW5" s="32" t="s">
        <v>89</v>
      </c>
      <c r="BX5" s="32" t="s">
        <v>90</v>
      </c>
      <c r="BY5" s="32" t="s">
        <v>91</v>
      </c>
      <c r="BZ5" s="32" t="s">
        <v>92</v>
      </c>
      <c r="CA5" s="32" t="s">
        <v>93</v>
      </c>
      <c r="CB5" s="32" t="s">
        <v>83</v>
      </c>
      <c r="CC5" s="32" t="s">
        <v>84</v>
      </c>
      <c r="CD5" s="32" t="s">
        <v>85</v>
      </c>
      <c r="CE5" s="32" t="s">
        <v>86</v>
      </c>
      <c r="CF5" s="32" t="s">
        <v>87</v>
      </c>
      <c r="CG5" s="32" t="s">
        <v>88</v>
      </c>
      <c r="CH5" s="32" t="s">
        <v>89</v>
      </c>
      <c r="CI5" s="32" t="s">
        <v>90</v>
      </c>
      <c r="CJ5" s="32" t="s">
        <v>91</v>
      </c>
      <c r="CK5" s="32" t="s">
        <v>92</v>
      </c>
      <c r="CL5" s="32" t="s">
        <v>93</v>
      </c>
      <c r="CM5" s="32" t="s">
        <v>83</v>
      </c>
      <c r="CN5" s="32" t="s">
        <v>84</v>
      </c>
      <c r="CO5" s="32" t="s">
        <v>85</v>
      </c>
      <c r="CP5" s="32" t="s">
        <v>86</v>
      </c>
      <c r="CQ5" s="32" t="s">
        <v>87</v>
      </c>
      <c r="CR5" s="32" t="s">
        <v>88</v>
      </c>
      <c r="CS5" s="32" t="s">
        <v>89</v>
      </c>
      <c r="CT5" s="32" t="s">
        <v>90</v>
      </c>
      <c r="CU5" s="32" t="s">
        <v>91</v>
      </c>
      <c r="CV5" s="32" t="s">
        <v>92</v>
      </c>
      <c r="CW5" s="32" t="s">
        <v>93</v>
      </c>
      <c r="CX5" s="32" t="s">
        <v>83</v>
      </c>
      <c r="CY5" s="32" t="s">
        <v>84</v>
      </c>
      <c r="CZ5" s="32" t="s">
        <v>85</v>
      </c>
      <c r="DA5" s="32" t="s">
        <v>86</v>
      </c>
      <c r="DB5" s="32" t="s">
        <v>87</v>
      </c>
      <c r="DC5" s="32" t="s">
        <v>88</v>
      </c>
      <c r="DD5" s="32" t="s">
        <v>89</v>
      </c>
      <c r="DE5" s="32" t="s">
        <v>90</v>
      </c>
      <c r="DF5" s="32" t="s">
        <v>91</v>
      </c>
      <c r="DG5" s="32" t="s">
        <v>92</v>
      </c>
      <c r="DH5" s="32" t="s">
        <v>93</v>
      </c>
      <c r="DI5" s="32" t="s">
        <v>83</v>
      </c>
      <c r="DJ5" s="32" t="s">
        <v>84</v>
      </c>
      <c r="DK5" s="32" t="s">
        <v>85</v>
      </c>
      <c r="DL5" s="32" t="s">
        <v>86</v>
      </c>
      <c r="DM5" s="32" t="s">
        <v>87</v>
      </c>
      <c r="DN5" s="32" t="s">
        <v>88</v>
      </c>
      <c r="DO5" s="32" t="s">
        <v>89</v>
      </c>
      <c r="DP5" s="32" t="s">
        <v>90</v>
      </c>
      <c r="DQ5" s="32" t="s">
        <v>91</v>
      </c>
      <c r="DR5" s="32" t="s">
        <v>92</v>
      </c>
      <c r="DS5" s="32" t="s">
        <v>93</v>
      </c>
      <c r="DT5" s="32" t="s">
        <v>83</v>
      </c>
      <c r="DU5" s="32" t="s">
        <v>84</v>
      </c>
      <c r="DV5" s="32" t="s">
        <v>85</v>
      </c>
      <c r="DW5" s="32" t="s">
        <v>86</v>
      </c>
      <c r="DX5" s="32" t="s">
        <v>87</v>
      </c>
      <c r="DY5" s="32" t="s">
        <v>88</v>
      </c>
      <c r="DZ5" s="32" t="s">
        <v>89</v>
      </c>
      <c r="EA5" s="32" t="s">
        <v>90</v>
      </c>
      <c r="EB5" s="32" t="s">
        <v>91</v>
      </c>
      <c r="EC5" s="32" t="s">
        <v>92</v>
      </c>
      <c r="ED5" s="32" t="s">
        <v>93</v>
      </c>
      <c r="EE5" s="32" t="s">
        <v>83</v>
      </c>
      <c r="EF5" s="32" t="s">
        <v>84</v>
      </c>
      <c r="EG5" s="32" t="s">
        <v>85</v>
      </c>
      <c r="EH5" s="32" t="s">
        <v>86</v>
      </c>
      <c r="EI5" s="32" t="s">
        <v>87</v>
      </c>
      <c r="EJ5" s="32" t="s">
        <v>88</v>
      </c>
      <c r="EK5" s="32" t="s">
        <v>89</v>
      </c>
      <c r="EL5" s="32" t="s">
        <v>90</v>
      </c>
      <c r="EM5" s="32" t="s">
        <v>91</v>
      </c>
      <c r="EN5" s="32" t="s">
        <v>92</v>
      </c>
      <c r="EO5" s="32" t="s">
        <v>93</v>
      </c>
    </row>
    <row r="6" spans="1:148" s="36" customFormat="1" x14ac:dyDescent="0.2">
      <c r="A6" s="28" t="s">
        <v>94</v>
      </c>
      <c r="B6" s="33">
        <f>B7</f>
        <v>2019</v>
      </c>
      <c r="C6" s="33">
        <f t="shared" ref="C6:X6" si="3">C7</f>
        <v>143669</v>
      </c>
      <c r="D6" s="33">
        <f t="shared" si="3"/>
        <v>46</v>
      </c>
      <c r="E6" s="33">
        <f t="shared" si="3"/>
        <v>17</v>
      </c>
      <c r="F6" s="33">
        <f t="shared" si="3"/>
        <v>1</v>
      </c>
      <c r="G6" s="33">
        <f t="shared" si="3"/>
        <v>0</v>
      </c>
      <c r="H6" s="33" t="str">
        <f t="shared" si="3"/>
        <v>神奈川県　開成町</v>
      </c>
      <c r="I6" s="33" t="str">
        <f t="shared" si="3"/>
        <v>法適用</v>
      </c>
      <c r="J6" s="33" t="str">
        <f t="shared" si="3"/>
        <v>下水道事業</v>
      </c>
      <c r="K6" s="33" t="str">
        <f t="shared" si="3"/>
        <v>公共下水道</v>
      </c>
      <c r="L6" s="33" t="str">
        <f t="shared" si="3"/>
        <v>Cb1</v>
      </c>
      <c r="M6" s="33" t="str">
        <f t="shared" si="3"/>
        <v>非設置</v>
      </c>
      <c r="N6" s="34" t="str">
        <f t="shared" si="3"/>
        <v>-</v>
      </c>
      <c r="O6" s="34">
        <f t="shared" si="3"/>
        <v>67.95</v>
      </c>
      <c r="P6" s="34">
        <f t="shared" si="3"/>
        <v>73.47</v>
      </c>
      <c r="Q6" s="34">
        <f t="shared" si="3"/>
        <v>82.25</v>
      </c>
      <c r="R6" s="34">
        <f t="shared" si="3"/>
        <v>1654</v>
      </c>
      <c r="S6" s="34">
        <f t="shared" si="3"/>
        <v>18005</v>
      </c>
      <c r="T6" s="34">
        <f t="shared" si="3"/>
        <v>6.55</v>
      </c>
      <c r="U6" s="34">
        <f t="shared" si="3"/>
        <v>2748.85</v>
      </c>
      <c r="V6" s="34">
        <f t="shared" si="3"/>
        <v>13270</v>
      </c>
      <c r="W6" s="34">
        <f t="shared" si="3"/>
        <v>2.52</v>
      </c>
      <c r="X6" s="34">
        <f t="shared" si="3"/>
        <v>5265.87</v>
      </c>
      <c r="Y6" s="35" t="str">
        <f>IF(Y7="",NA(),Y7)</f>
        <v>-</v>
      </c>
      <c r="Z6" s="35" t="str">
        <f t="shared" ref="Z6:AH6" si="4">IF(Z7="",NA(),Z7)</f>
        <v>-</v>
      </c>
      <c r="AA6" s="35" t="str">
        <f t="shared" si="4"/>
        <v>-</v>
      </c>
      <c r="AB6" s="35" t="str">
        <f t="shared" si="4"/>
        <v>-</v>
      </c>
      <c r="AC6" s="35">
        <f t="shared" si="4"/>
        <v>106.34</v>
      </c>
      <c r="AD6" s="35" t="str">
        <f t="shared" si="4"/>
        <v>-</v>
      </c>
      <c r="AE6" s="35" t="str">
        <f t="shared" si="4"/>
        <v>-</v>
      </c>
      <c r="AF6" s="35" t="str">
        <f t="shared" si="4"/>
        <v>-</v>
      </c>
      <c r="AG6" s="35" t="str">
        <f t="shared" si="4"/>
        <v>-</v>
      </c>
      <c r="AH6" s="35">
        <f t="shared" si="4"/>
        <v>101.51</v>
      </c>
      <c r="AI6" s="34" t="str">
        <f>IF(AI7="","",IF(AI7="-","【-】","【"&amp;SUBSTITUTE(TEXT(AI7,"#,##0.00"),"-","△")&amp;"】"))</f>
        <v>【108.07】</v>
      </c>
      <c r="AJ6" s="35" t="str">
        <f>IF(AJ7="",NA(),AJ7)</f>
        <v>-</v>
      </c>
      <c r="AK6" s="35" t="str">
        <f t="shared" ref="AK6:AS6" si="5">IF(AK7="",NA(),AK7)</f>
        <v>-</v>
      </c>
      <c r="AL6" s="35" t="str">
        <f t="shared" si="5"/>
        <v>-</v>
      </c>
      <c r="AM6" s="35" t="str">
        <f t="shared" si="5"/>
        <v>-</v>
      </c>
      <c r="AN6" s="34">
        <f t="shared" si="5"/>
        <v>0</v>
      </c>
      <c r="AO6" s="35" t="str">
        <f t="shared" si="5"/>
        <v>-</v>
      </c>
      <c r="AP6" s="35" t="str">
        <f t="shared" si="5"/>
        <v>-</v>
      </c>
      <c r="AQ6" s="35" t="str">
        <f t="shared" si="5"/>
        <v>-</v>
      </c>
      <c r="AR6" s="35" t="str">
        <f t="shared" si="5"/>
        <v>-</v>
      </c>
      <c r="AS6" s="35">
        <f t="shared" si="5"/>
        <v>37.86</v>
      </c>
      <c r="AT6" s="34" t="str">
        <f>IF(AT7="","",IF(AT7="-","【-】","【"&amp;SUBSTITUTE(TEXT(AT7,"#,##0.00"),"-","△")&amp;"】"))</f>
        <v>【3.09】</v>
      </c>
      <c r="AU6" s="35" t="str">
        <f>IF(AU7="",NA(),AU7)</f>
        <v>-</v>
      </c>
      <c r="AV6" s="35" t="str">
        <f t="shared" ref="AV6:BD6" si="6">IF(AV7="",NA(),AV7)</f>
        <v>-</v>
      </c>
      <c r="AW6" s="35" t="str">
        <f t="shared" si="6"/>
        <v>-</v>
      </c>
      <c r="AX6" s="35" t="str">
        <f t="shared" si="6"/>
        <v>-</v>
      </c>
      <c r="AY6" s="35">
        <f t="shared" si="6"/>
        <v>29.55</v>
      </c>
      <c r="AZ6" s="35" t="str">
        <f t="shared" si="6"/>
        <v>-</v>
      </c>
      <c r="BA6" s="35" t="str">
        <f t="shared" si="6"/>
        <v>-</v>
      </c>
      <c r="BB6" s="35" t="str">
        <f t="shared" si="6"/>
        <v>-</v>
      </c>
      <c r="BC6" s="35" t="str">
        <f t="shared" si="6"/>
        <v>-</v>
      </c>
      <c r="BD6" s="35">
        <f t="shared" si="6"/>
        <v>60.16</v>
      </c>
      <c r="BE6" s="34" t="str">
        <f>IF(BE7="","",IF(BE7="-","【-】","【"&amp;SUBSTITUTE(TEXT(BE7,"#,##0.00"),"-","△")&amp;"】"))</f>
        <v>【69.54】</v>
      </c>
      <c r="BF6" s="35" t="str">
        <f>IF(BF7="",NA(),BF7)</f>
        <v>-</v>
      </c>
      <c r="BG6" s="35" t="str">
        <f t="shared" ref="BG6:BO6" si="7">IF(BG7="",NA(),BG7)</f>
        <v>-</v>
      </c>
      <c r="BH6" s="35" t="str">
        <f t="shared" si="7"/>
        <v>-</v>
      </c>
      <c r="BI6" s="35" t="str">
        <f t="shared" si="7"/>
        <v>-</v>
      </c>
      <c r="BJ6" s="35">
        <f t="shared" si="7"/>
        <v>942.19</v>
      </c>
      <c r="BK6" s="35" t="str">
        <f t="shared" si="7"/>
        <v>-</v>
      </c>
      <c r="BL6" s="35" t="str">
        <f t="shared" si="7"/>
        <v>-</v>
      </c>
      <c r="BM6" s="35" t="str">
        <f t="shared" si="7"/>
        <v>-</v>
      </c>
      <c r="BN6" s="35" t="str">
        <f t="shared" si="7"/>
        <v>-</v>
      </c>
      <c r="BO6" s="35">
        <f t="shared" si="7"/>
        <v>917.44</v>
      </c>
      <c r="BP6" s="34" t="str">
        <f>IF(BP7="","",IF(BP7="-","【-】","【"&amp;SUBSTITUTE(TEXT(BP7,"#,##0.00"),"-","△")&amp;"】"))</f>
        <v>【682.51】</v>
      </c>
      <c r="BQ6" s="35" t="str">
        <f>IF(BQ7="",NA(),BQ7)</f>
        <v>-</v>
      </c>
      <c r="BR6" s="35" t="str">
        <f t="shared" ref="BR6:BZ6" si="8">IF(BR7="",NA(),BR7)</f>
        <v>-</v>
      </c>
      <c r="BS6" s="35" t="str">
        <f t="shared" si="8"/>
        <v>-</v>
      </c>
      <c r="BT6" s="35" t="str">
        <f t="shared" si="8"/>
        <v>-</v>
      </c>
      <c r="BU6" s="35">
        <f t="shared" si="8"/>
        <v>73.87</v>
      </c>
      <c r="BV6" s="35" t="str">
        <f t="shared" si="8"/>
        <v>-</v>
      </c>
      <c r="BW6" s="35" t="str">
        <f t="shared" si="8"/>
        <v>-</v>
      </c>
      <c r="BX6" s="35" t="str">
        <f t="shared" si="8"/>
        <v>-</v>
      </c>
      <c r="BY6" s="35" t="str">
        <f t="shared" si="8"/>
        <v>-</v>
      </c>
      <c r="BZ6" s="35">
        <f t="shared" si="8"/>
        <v>85.34</v>
      </c>
      <c r="CA6" s="34" t="str">
        <f>IF(CA7="","",IF(CA7="-","【-】","【"&amp;SUBSTITUTE(TEXT(CA7,"#,##0.00"),"-","△")&amp;"】"))</f>
        <v>【100.34】</v>
      </c>
      <c r="CB6" s="35" t="str">
        <f>IF(CB7="",NA(),CB7)</f>
        <v>-</v>
      </c>
      <c r="CC6" s="35" t="str">
        <f t="shared" ref="CC6:CK6" si="9">IF(CC7="",NA(),CC7)</f>
        <v>-</v>
      </c>
      <c r="CD6" s="35" t="str">
        <f t="shared" si="9"/>
        <v>-</v>
      </c>
      <c r="CE6" s="35" t="str">
        <f t="shared" si="9"/>
        <v>-</v>
      </c>
      <c r="CF6" s="35">
        <f t="shared" si="9"/>
        <v>150</v>
      </c>
      <c r="CG6" s="35" t="str">
        <f t="shared" si="9"/>
        <v>-</v>
      </c>
      <c r="CH6" s="35" t="str">
        <f t="shared" si="9"/>
        <v>-</v>
      </c>
      <c r="CI6" s="35" t="str">
        <f t="shared" si="9"/>
        <v>-</v>
      </c>
      <c r="CJ6" s="35" t="str">
        <f t="shared" si="9"/>
        <v>-</v>
      </c>
      <c r="CK6" s="35">
        <f t="shared" si="9"/>
        <v>149.27000000000001</v>
      </c>
      <c r="CL6" s="34" t="str">
        <f>IF(CL7="","",IF(CL7="-","【-】","【"&amp;SUBSTITUTE(TEXT(CL7,"#,##0.00"),"-","△")&amp;"】"))</f>
        <v>【136.15】</v>
      </c>
      <c r="CM6" s="35" t="str">
        <f>IF(CM7="",NA(),CM7)</f>
        <v>-</v>
      </c>
      <c r="CN6" s="35" t="str">
        <f t="shared" ref="CN6:CV6" si="10">IF(CN7="",NA(),CN7)</f>
        <v>-</v>
      </c>
      <c r="CO6" s="35" t="str">
        <f t="shared" si="10"/>
        <v>-</v>
      </c>
      <c r="CP6" s="35" t="str">
        <f t="shared" si="10"/>
        <v>-</v>
      </c>
      <c r="CQ6" s="35" t="str">
        <f t="shared" si="10"/>
        <v>-</v>
      </c>
      <c r="CR6" s="35" t="str">
        <f t="shared" si="10"/>
        <v>-</v>
      </c>
      <c r="CS6" s="35" t="str">
        <f t="shared" si="10"/>
        <v>-</v>
      </c>
      <c r="CT6" s="35" t="str">
        <f t="shared" si="10"/>
        <v>-</v>
      </c>
      <c r="CU6" s="35" t="str">
        <f t="shared" si="10"/>
        <v>-</v>
      </c>
      <c r="CV6" s="35">
        <f t="shared" si="10"/>
        <v>55.73</v>
      </c>
      <c r="CW6" s="34" t="str">
        <f>IF(CW7="","",IF(CW7="-","【-】","【"&amp;SUBSTITUTE(TEXT(CW7,"#,##0.00"),"-","△")&amp;"】"))</f>
        <v>【59.64】</v>
      </c>
      <c r="CX6" s="35" t="str">
        <f>IF(CX7="",NA(),CX7)</f>
        <v>-</v>
      </c>
      <c r="CY6" s="35" t="str">
        <f t="shared" ref="CY6:DG6" si="11">IF(CY7="",NA(),CY7)</f>
        <v>-</v>
      </c>
      <c r="CZ6" s="35" t="str">
        <f t="shared" si="11"/>
        <v>-</v>
      </c>
      <c r="DA6" s="35" t="str">
        <f t="shared" si="11"/>
        <v>-</v>
      </c>
      <c r="DB6" s="35">
        <f t="shared" si="11"/>
        <v>96.57</v>
      </c>
      <c r="DC6" s="35" t="str">
        <f t="shared" si="11"/>
        <v>-</v>
      </c>
      <c r="DD6" s="35" t="str">
        <f t="shared" si="11"/>
        <v>-</v>
      </c>
      <c r="DE6" s="35" t="str">
        <f t="shared" si="11"/>
        <v>-</v>
      </c>
      <c r="DF6" s="35" t="str">
        <f t="shared" si="11"/>
        <v>-</v>
      </c>
      <c r="DG6" s="35">
        <f t="shared" si="11"/>
        <v>92.45</v>
      </c>
      <c r="DH6" s="34" t="str">
        <f>IF(DH7="","",IF(DH7="-","【-】","【"&amp;SUBSTITUTE(TEXT(DH7,"#,##0.00"),"-","△")&amp;"】"))</f>
        <v>【95.35】</v>
      </c>
      <c r="DI6" s="35" t="str">
        <f>IF(DI7="",NA(),DI7)</f>
        <v>-</v>
      </c>
      <c r="DJ6" s="35" t="str">
        <f t="shared" ref="DJ6:DR6" si="12">IF(DJ7="",NA(),DJ7)</f>
        <v>-</v>
      </c>
      <c r="DK6" s="35" t="str">
        <f t="shared" si="12"/>
        <v>-</v>
      </c>
      <c r="DL6" s="35" t="str">
        <f t="shared" si="12"/>
        <v>-</v>
      </c>
      <c r="DM6" s="35">
        <f t="shared" si="12"/>
        <v>3.14</v>
      </c>
      <c r="DN6" s="35" t="str">
        <f t="shared" si="12"/>
        <v>-</v>
      </c>
      <c r="DO6" s="35" t="str">
        <f t="shared" si="12"/>
        <v>-</v>
      </c>
      <c r="DP6" s="35" t="str">
        <f t="shared" si="12"/>
        <v>-</v>
      </c>
      <c r="DQ6" s="35" t="str">
        <f t="shared" si="12"/>
        <v>-</v>
      </c>
      <c r="DR6" s="35">
        <f t="shared" si="12"/>
        <v>16.37</v>
      </c>
      <c r="DS6" s="34" t="str">
        <f>IF(DS7="","",IF(DS7="-","【-】","【"&amp;SUBSTITUTE(TEXT(DS7,"#,##0.00"),"-","△")&amp;"】"))</f>
        <v>【38.57】</v>
      </c>
      <c r="DT6" s="35" t="str">
        <f>IF(DT7="",NA(),DT7)</f>
        <v>-</v>
      </c>
      <c r="DU6" s="35" t="str">
        <f t="shared" ref="DU6:EC6" si="13">IF(DU7="",NA(),DU7)</f>
        <v>-</v>
      </c>
      <c r="DV6" s="35" t="str">
        <f t="shared" si="13"/>
        <v>-</v>
      </c>
      <c r="DW6" s="35" t="str">
        <f t="shared" si="13"/>
        <v>-</v>
      </c>
      <c r="DX6" s="34">
        <f t="shared" si="13"/>
        <v>0</v>
      </c>
      <c r="DY6" s="35" t="str">
        <f t="shared" si="13"/>
        <v>-</v>
      </c>
      <c r="DZ6" s="35" t="str">
        <f t="shared" si="13"/>
        <v>-</v>
      </c>
      <c r="EA6" s="35" t="str">
        <f t="shared" si="13"/>
        <v>-</v>
      </c>
      <c r="EB6" s="35" t="str">
        <f t="shared" si="13"/>
        <v>-</v>
      </c>
      <c r="EC6" s="35">
        <f t="shared" si="13"/>
        <v>0.98</v>
      </c>
      <c r="ED6" s="34" t="str">
        <f>IF(ED7="","",IF(ED7="-","【-】","【"&amp;SUBSTITUTE(TEXT(ED7,"#,##0.00"),"-","△")&amp;"】"))</f>
        <v>【5.90】</v>
      </c>
      <c r="EE6" s="35" t="str">
        <f>IF(EE7="",NA(),EE7)</f>
        <v>-</v>
      </c>
      <c r="EF6" s="35" t="str">
        <f t="shared" ref="EF6:EN6" si="14">IF(EF7="",NA(),EF7)</f>
        <v>-</v>
      </c>
      <c r="EG6" s="35" t="str">
        <f t="shared" si="14"/>
        <v>-</v>
      </c>
      <c r="EH6" s="35" t="str">
        <f t="shared" si="14"/>
        <v>-</v>
      </c>
      <c r="EI6" s="34">
        <f t="shared" si="14"/>
        <v>0</v>
      </c>
      <c r="EJ6" s="35" t="str">
        <f t="shared" si="14"/>
        <v>-</v>
      </c>
      <c r="EK6" s="35" t="str">
        <f t="shared" si="14"/>
        <v>-</v>
      </c>
      <c r="EL6" s="35" t="str">
        <f t="shared" si="14"/>
        <v>-</v>
      </c>
      <c r="EM6" s="35" t="str">
        <f t="shared" si="14"/>
        <v>-</v>
      </c>
      <c r="EN6" s="35">
        <f t="shared" si="14"/>
        <v>0.13</v>
      </c>
      <c r="EO6" s="34" t="str">
        <f>IF(EO7="","",IF(EO7="-","【-】","【"&amp;SUBSTITUTE(TEXT(EO7,"#,##0.00"),"-","△")&amp;"】"))</f>
        <v>【0.22】</v>
      </c>
    </row>
    <row r="7" spans="1:148" s="36" customFormat="1" x14ac:dyDescent="0.2">
      <c r="A7" s="28"/>
      <c r="B7" s="37">
        <v>2019</v>
      </c>
      <c r="C7" s="37">
        <v>143669</v>
      </c>
      <c r="D7" s="37">
        <v>46</v>
      </c>
      <c r="E7" s="37">
        <v>17</v>
      </c>
      <c r="F7" s="37">
        <v>1</v>
      </c>
      <c r="G7" s="37">
        <v>0</v>
      </c>
      <c r="H7" s="37" t="s">
        <v>95</v>
      </c>
      <c r="I7" s="37" t="s">
        <v>96</v>
      </c>
      <c r="J7" s="37" t="s">
        <v>97</v>
      </c>
      <c r="K7" s="37" t="s">
        <v>98</v>
      </c>
      <c r="L7" s="37" t="s">
        <v>99</v>
      </c>
      <c r="M7" s="37" t="s">
        <v>100</v>
      </c>
      <c r="N7" s="38" t="s">
        <v>101</v>
      </c>
      <c r="O7" s="38">
        <v>67.95</v>
      </c>
      <c r="P7" s="38">
        <v>73.47</v>
      </c>
      <c r="Q7" s="38">
        <v>82.25</v>
      </c>
      <c r="R7" s="38">
        <v>1654</v>
      </c>
      <c r="S7" s="38">
        <v>18005</v>
      </c>
      <c r="T7" s="38">
        <v>6.55</v>
      </c>
      <c r="U7" s="38">
        <v>2748.85</v>
      </c>
      <c r="V7" s="38">
        <v>13270</v>
      </c>
      <c r="W7" s="38">
        <v>2.52</v>
      </c>
      <c r="X7" s="38">
        <v>5265.87</v>
      </c>
      <c r="Y7" s="38" t="s">
        <v>101</v>
      </c>
      <c r="Z7" s="38" t="s">
        <v>101</v>
      </c>
      <c r="AA7" s="38" t="s">
        <v>101</v>
      </c>
      <c r="AB7" s="38" t="s">
        <v>101</v>
      </c>
      <c r="AC7" s="38">
        <v>106.34</v>
      </c>
      <c r="AD7" s="38" t="s">
        <v>101</v>
      </c>
      <c r="AE7" s="38" t="s">
        <v>101</v>
      </c>
      <c r="AF7" s="38" t="s">
        <v>101</v>
      </c>
      <c r="AG7" s="38" t="s">
        <v>101</v>
      </c>
      <c r="AH7" s="38">
        <v>101.51</v>
      </c>
      <c r="AI7" s="38">
        <v>108.07</v>
      </c>
      <c r="AJ7" s="38" t="s">
        <v>101</v>
      </c>
      <c r="AK7" s="38" t="s">
        <v>101</v>
      </c>
      <c r="AL7" s="38" t="s">
        <v>101</v>
      </c>
      <c r="AM7" s="38" t="s">
        <v>101</v>
      </c>
      <c r="AN7" s="38">
        <v>0</v>
      </c>
      <c r="AO7" s="38" t="s">
        <v>101</v>
      </c>
      <c r="AP7" s="38" t="s">
        <v>101</v>
      </c>
      <c r="AQ7" s="38" t="s">
        <v>101</v>
      </c>
      <c r="AR7" s="38" t="s">
        <v>101</v>
      </c>
      <c r="AS7" s="38">
        <v>37.86</v>
      </c>
      <c r="AT7" s="38">
        <v>3.09</v>
      </c>
      <c r="AU7" s="38" t="s">
        <v>101</v>
      </c>
      <c r="AV7" s="38" t="s">
        <v>101</v>
      </c>
      <c r="AW7" s="38" t="s">
        <v>101</v>
      </c>
      <c r="AX7" s="38" t="s">
        <v>101</v>
      </c>
      <c r="AY7" s="38">
        <v>29.55</v>
      </c>
      <c r="AZ7" s="38" t="s">
        <v>101</v>
      </c>
      <c r="BA7" s="38" t="s">
        <v>101</v>
      </c>
      <c r="BB7" s="38" t="s">
        <v>101</v>
      </c>
      <c r="BC7" s="38" t="s">
        <v>101</v>
      </c>
      <c r="BD7" s="38">
        <v>60.16</v>
      </c>
      <c r="BE7" s="38">
        <v>69.540000000000006</v>
      </c>
      <c r="BF7" s="38" t="s">
        <v>101</v>
      </c>
      <c r="BG7" s="38" t="s">
        <v>101</v>
      </c>
      <c r="BH7" s="38" t="s">
        <v>101</v>
      </c>
      <c r="BI7" s="38" t="s">
        <v>101</v>
      </c>
      <c r="BJ7" s="38">
        <v>942.19</v>
      </c>
      <c r="BK7" s="38" t="s">
        <v>101</v>
      </c>
      <c r="BL7" s="38" t="s">
        <v>101</v>
      </c>
      <c r="BM7" s="38" t="s">
        <v>101</v>
      </c>
      <c r="BN7" s="38" t="s">
        <v>101</v>
      </c>
      <c r="BO7" s="38">
        <v>917.44</v>
      </c>
      <c r="BP7" s="38">
        <v>682.51</v>
      </c>
      <c r="BQ7" s="38" t="s">
        <v>101</v>
      </c>
      <c r="BR7" s="38" t="s">
        <v>101</v>
      </c>
      <c r="BS7" s="38" t="s">
        <v>101</v>
      </c>
      <c r="BT7" s="38" t="s">
        <v>101</v>
      </c>
      <c r="BU7" s="38">
        <v>73.87</v>
      </c>
      <c r="BV7" s="38" t="s">
        <v>101</v>
      </c>
      <c r="BW7" s="38" t="s">
        <v>101</v>
      </c>
      <c r="BX7" s="38" t="s">
        <v>101</v>
      </c>
      <c r="BY7" s="38" t="s">
        <v>101</v>
      </c>
      <c r="BZ7" s="38">
        <v>85.34</v>
      </c>
      <c r="CA7" s="38">
        <v>100.34</v>
      </c>
      <c r="CB7" s="38" t="s">
        <v>101</v>
      </c>
      <c r="CC7" s="38" t="s">
        <v>101</v>
      </c>
      <c r="CD7" s="38" t="s">
        <v>101</v>
      </c>
      <c r="CE7" s="38" t="s">
        <v>101</v>
      </c>
      <c r="CF7" s="38">
        <v>150</v>
      </c>
      <c r="CG7" s="38" t="s">
        <v>101</v>
      </c>
      <c r="CH7" s="38" t="s">
        <v>101</v>
      </c>
      <c r="CI7" s="38" t="s">
        <v>101</v>
      </c>
      <c r="CJ7" s="38" t="s">
        <v>101</v>
      </c>
      <c r="CK7" s="38">
        <v>149.27000000000001</v>
      </c>
      <c r="CL7" s="38">
        <v>136.15</v>
      </c>
      <c r="CM7" s="38" t="s">
        <v>101</v>
      </c>
      <c r="CN7" s="38" t="s">
        <v>101</v>
      </c>
      <c r="CO7" s="38" t="s">
        <v>101</v>
      </c>
      <c r="CP7" s="38" t="s">
        <v>101</v>
      </c>
      <c r="CQ7" s="38" t="s">
        <v>101</v>
      </c>
      <c r="CR7" s="38" t="s">
        <v>101</v>
      </c>
      <c r="CS7" s="38" t="s">
        <v>101</v>
      </c>
      <c r="CT7" s="38" t="s">
        <v>101</v>
      </c>
      <c r="CU7" s="38" t="s">
        <v>101</v>
      </c>
      <c r="CV7" s="38">
        <v>55.73</v>
      </c>
      <c r="CW7" s="38">
        <v>59.64</v>
      </c>
      <c r="CX7" s="38" t="s">
        <v>101</v>
      </c>
      <c r="CY7" s="38" t="s">
        <v>101</v>
      </c>
      <c r="CZ7" s="38" t="s">
        <v>101</v>
      </c>
      <c r="DA7" s="38" t="s">
        <v>101</v>
      </c>
      <c r="DB7" s="38">
        <v>96.57</v>
      </c>
      <c r="DC7" s="38" t="s">
        <v>101</v>
      </c>
      <c r="DD7" s="38" t="s">
        <v>101</v>
      </c>
      <c r="DE7" s="38" t="s">
        <v>101</v>
      </c>
      <c r="DF7" s="38" t="s">
        <v>101</v>
      </c>
      <c r="DG7" s="38">
        <v>92.45</v>
      </c>
      <c r="DH7" s="38">
        <v>95.35</v>
      </c>
      <c r="DI7" s="38" t="s">
        <v>101</v>
      </c>
      <c r="DJ7" s="38" t="s">
        <v>101</v>
      </c>
      <c r="DK7" s="38" t="s">
        <v>101</v>
      </c>
      <c r="DL7" s="38" t="s">
        <v>101</v>
      </c>
      <c r="DM7" s="38">
        <v>3.14</v>
      </c>
      <c r="DN7" s="38" t="s">
        <v>101</v>
      </c>
      <c r="DO7" s="38" t="s">
        <v>101</v>
      </c>
      <c r="DP7" s="38" t="s">
        <v>101</v>
      </c>
      <c r="DQ7" s="38" t="s">
        <v>101</v>
      </c>
      <c r="DR7" s="38">
        <v>16.37</v>
      </c>
      <c r="DS7" s="38">
        <v>38.57</v>
      </c>
      <c r="DT7" s="38" t="s">
        <v>101</v>
      </c>
      <c r="DU7" s="38" t="s">
        <v>101</v>
      </c>
      <c r="DV7" s="38" t="s">
        <v>101</v>
      </c>
      <c r="DW7" s="38" t="s">
        <v>101</v>
      </c>
      <c r="DX7" s="38">
        <v>0</v>
      </c>
      <c r="DY7" s="38" t="s">
        <v>101</v>
      </c>
      <c r="DZ7" s="38" t="s">
        <v>101</v>
      </c>
      <c r="EA7" s="38" t="s">
        <v>101</v>
      </c>
      <c r="EB7" s="38" t="s">
        <v>101</v>
      </c>
      <c r="EC7" s="38">
        <v>0.98</v>
      </c>
      <c r="ED7" s="38">
        <v>5.9</v>
      </c>
      <c r="EE7" s="38" t="s">
        <v>101</v>
      </c>
      <c r="EF7" s="38" t="s">
        <v>101</v>
      </c>
      <c r="EG7" s="38" t="s">
        <v>101</v>
      </c>
      <c r="EH7" s="38" t="s">
        <v>101</v>
      </c>
      <c r="EI7" s="38">
        <v>0</v>
      </c>
      <c r="EJ7" s="38" t="s">
        <v>101</v>
      </c>
      <c r="EK7" s="38" t="s">
        <v>101</v>
      </c>
      <c r="EL7" s="38" t="s">
        <v>101</v>
      </c>
      <c r="EM7" s="38" t="s">
        <v>101</v>
      </c>
      <c r="EN7" s="38">
        <v>0.13</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2</v>
      </c>
      <c r="C9" s="40" t="s">
        <v>103</v>
      </c>
      <c r="D9" s="40" t="s">
        <v>104</v>
      </c>
      <c r="E9" s="40" t="s">
        <v>105</v>
      </c>
      <c r="F9" s="40" t="s">
        <v>106</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7</v>
      </c>
    </row>
    <row r="12" spans="1:148" x14ac:dyDescent="0.2">
      <c r="B12">
        <v>1</v>
      </c>
      <c r="C12">
        <v>1</v>
      </c>
      <c r="D12">
        <v>1</v>
      </c>
      <c r="E12">
        <v>1</v>
      </c>
      <c r="F12">
        <v>1</v>
      </c>
      <c r="G12" t="s">
        <v>108</v>
      </c>
    </row>
    <row r="13" spans="1:148" x14ac:dyDescent="0.2">
      <c r="B13" t="s">
        <v>109</v>
      </c>
      <c r="C13" t="s">
        <v>110</v>
      </c>
      <c r="D13" t="s">
        <v>109</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5:57:19Z</cp:lastPrinted>
  <dcterms:created xsi:type="dcterms:W3CDTF">2020-12-04T02:26:00Z</dcterms:created>
  <dcterms:modified xsi:type="dcterms:W3CDTF">2021-02-24T05:57:23Z</dcterms:modified>
  <cp:category/>
</cp:coreProperties>
</file>